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9-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9-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enhelde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a:extLst>
              <a:ext uri="{FF2B5EF4-FFF2-40B4-BE49-F238E27FC236}">
                <a16:creationId xmlns:a16="http://schemas.microsoft.com/office/drawing/2014/main" id="{1BED279E-097E-8285-DA4C-E7DFD01168B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48502" y="4864988"/>
            <a:ext cx="2337523" cy="184664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195AC1B2-A323-BA83-6119-964B94FDC83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055594" y="4143375"/>
            <a:ext cx="1599153" cy="126333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2-09T14:27:11Z</dcterms:modified>
</cp:coreProperties>
</file>